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7"/>
  </p:notesMasterIdLst>
  <p:sldIdLst>
    <p:sldId id="299" r:id="rId2"/>
    <p:sldId id="275" r:id="rId3"/>
    <p:sldId id="307" r:id="rId4"/>
    <p:sldId id="302" r:id="rId5"/>
    <p:sldId id="272" r:id="rId6"/>
  </p:sldIdLst>
  <p:sldSz cx="12192000" cy="6858000"/>
  <p:notesSz cx="9601200" cy="7315200"/>
  <p:custDataLst>
    <p:tags r:id="rId8"/>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179" autoAdjust="0"/>
    <p:restoredTop sz="91429" autoAdjust="0"/>
  </p:normalViewPr>
  <p:slideViewPr>
    <p:cSldViewPr snapToGrid="0" showGuides="1">
      <p:cViewPr varScale="1">
        <p:scale>
          <a:sx n="117" d="100"/>
          <a:sy n="117" d="100"/>
        </p:scale>
        <p:origin x="808" y="168"/>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aa590503508c6f4c3bee22bfb644ad3d">
            <a:r>
              <a:rPr dirty="0" lang="en-US" noProof="0" sz="1200">
                <a:solidFill>
                  <a:srgbClr val="000000"/>
                </a:solidFill>
                <a:sym typeface=""/>
              </a:rPr>
              <a:t>Nous avons déjà vu comment sélectionner les éléments de données et la période lors de la création d'un tableau croisé dynamique. Maintenant, voyons comment sélectionner la dimension unité d'organisation et ajouter des désagrégations à notre tableau croisé dynamique. Commençons par mettre à jour l'unité d'organisation.</a:t>
            </a:r>
            <a:r>
              <a:rPr dirty="0" err="1" lang="en-US" noProof="0" sz="1200">
                <a:solidFill>
                  <a:srgbClr val="000000"/>
                </a:solidFill>
                <a:sym typeface=""/>
              </a:rPr>
            </a:r>
            <a:r>
              <a:rPr dirty="0" lang="en-US" noProof="0" sz="1200">
                <a:solidFill>
                  <a:srgbClr val="000000"/>
                </a:solidFill>
                <a:sym typeface=""/>
              </a:rPr>
            </a:r>
          </a:p>
          <a:p>
            <a:endParaRPr dirty="0" lang="en-US" noProof="0" sz="1200">
              <a:solidFill>
                <a:srgbClr val="000000"/>
              </a:solidFill>
              <a:sym typeface=""/>
            </a:endParaRPr>
          </a:p>
          <a:p txid="1633e2965cdacb4b2511499e6771d787">
            <a:r>
              <a:rPr dirty="0" lang="en-US" noProof="0" sz="1200">
                <a:solidFill>
                  <a:srgbClr val="000000"/>
                </a:solidFill>
                <a:sym typeface=""/>
              </a:rPr>
              <a:t>En poursuivant avec notre exemple sur la Vaccination, nous remplacerons les deux régions de Trainingland qui figuraient dans le tableau croisé dynamique avec tous les districts de Trainingland, quelle que soit la région.</a:t>
            </a:r>
            <a:r>
              <a:rPr dirty="0" err="1" lang="en-US" noProof="0" sz="1200">
                <a:solidFill>
                  <a:srgbClr val="000000"/>
                </a:solidFill>
                <a:sym typeface=""/>
              </a:rPr>
            </a:r>
            <a:r>
              <a:rPr dirty="0" lang="en-US" noProof="0" sz="1200">
                <a:solidFill>
                  <a:srgbClr val="000000"/>
                </a:solidFill>
                <a:sym typeface=""/>
              </a:rPr>
            </a:r>
            <a:r>
              <a:rPr dirty="0" err="1" lang="en-US" noProof="0" sz="1200">
                <a:solidFill>
                  <a:srgbClr val="000000"/>
                </a:solidFill>
                <a:sym typeface=""/>
              </a:rPr>
            </a:r>
            <a:r>
              <a:rPr dirty="0" lang="en-US" noProof="0" sz="1200">
                <a:solidFill>
                  <a:srgbClr val="000000"/>
                </a:solidFill>
                <a:sym typeface=""/>
              </a:rPr>
            </a:r>
          </a:p>
        </p:txBody>
      </p:sp>
    </p:spTree>
    <p:extLst>
      <p:ext uri="{BB962C8B-B14F-4D97-AF65-F5344CB8AC3E}">
        <p14:creationId xmlns:p14="http://schemas.microsoft.com/office/powerpoint/2010/main" val="16800691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f549b3f9d7303ea1c82f91a972eb609">
            <a:r>
              <a:rPr dirty="0" lang="en-US" noProof="0" sz="1200"/>
              <a:t>Pour commencer, dans la section des dimensions principales, cliquez sur la dimension "unité d'organisation". Ici, nous pouvons sélectionner l'unité d'organisation par hiérarchie, niveaux ou groupes.</a:t>
            </a:r>
          </a:p>
          <a:p>
            <a:endParaRPr dirty="0" lang="en-US" noProof="0" sz="1200"/>
          </a:p>
          <a:p txid="4d37d807eee0facf9e131d0cf3e87fa1">
            <a:r>
              <a:rPr dirty="0" lang="en-US" noProof="0" sz="1200"/>
              <a:t>La hiérarchie est le mode de sélection par défaut des unités d'organisation. Dans ce tableau croisé dynamique, nous pouvons voir que l'unité racine, ou l'unité de niveau supérieur, est sélectionnée.</a:t>
            </a:r>
          </a:p>
          <a:p>
            <a:endParaRPr dirty="0" lang="en-US" noProof="0" sz="1200"/>
          </a:p>
          <a:p txid="d001bc8d88955bcdb279cf4ff1e72c50">
            <a:r>
              <a:rPr dirty="0" lang="en-US" noProof="0" sz="1200"/>
              <a:t>Rappelez-vous que les données sont agrégées en fonction de l'unité d'organisation sélectionnée dans la hiérarchie. Par exemple, si l'on sélectionne Trainingland, qui correspond au niveau pays de notre hiérarchie, nous verrons alors toutes les données saisies pour Trainingland.</a:t>
            </a:r>
            <a:r>
              <a:rPr dirty="0" err="1" lang="en-US" noProof="0" sz="1200"/>
            </a:r>
            <a:r>
              <a:rPr dirty="0" lang="en-US" noProof="0" sz="1200"/>
            </a:r>
            <a:r>
              <a:rPr dirty="0" err="1" lang="en-US" noProof="0" sz="1200"/>
            </a:r>
            <a:r>
              <a:rPr dirty="0" lang="en-US" noProof="0" sz="1200"/>
            </a:r>
          </a:p>
          <a:p>
            <a:endParaRPr dirty="0" lang="en-US" noProof="0" sz="1200"/>
          </a:p>
          <a:p txid="c66866564e4b8a394c3697d99757bf1a">
            <a:r>
              <a:rPr dirty="0" lang="en-US" noProof="0" sz="1200"/>
              <a:t>La hiérarchie de l'unité d'organisation prend en charge les sélections multiples. Il suffit de développer la hiérarchie en cliquant sur les flèches à côté des noms des unités d'organisation et de cocher les cases à côté de celles que vous souhaitez inclure dans votre tableau croisé dynamique.</a:t>
            </a:r>
          </a:p>
          <a:p>
            <a:endParaRPr dirty="0" lang="en-US" noProof="0" sz="1200"/>
          </a:p>
          <a:p txid="3de71b155390e4997b8e1f863260edc7">
            <a:r>
              <a:rPr dirty="0" lang="en-US" noProof="0" sz="1200"/>
              <a:t>Une autre façon de sélectionner des unités d'organisation est d'utiliser l'option Sélectionner un niveau. Elle vous permet de sélectionner toutes les unités d'organisation de certains niveaux. Par exemple, si nous cliquons sur le champ Sélectionner un niveau et cliquons sur Districts, nous pouvons afficher les données de chaque district d'un simple clic plutôt que de les sélectionner un à un dans la hiérarchie.</a:t>
            </a:r>
          </a:p>
          <a:p>
            <a:endParaRPr dirty="0" lang="en-US" noProof="0" sz="1200"/>
          </a:p>
          <a:p txid="4edb197e7959c1cbdd4e96362dede918">
            <a:r>
              <a:rPr dirty="0" lang="en-US" noProof="0" sz="1200"/>
              <a:t>Cette option est rapide et pratique, surtout lorsqu'un niveau comporte plusieurs unités d'organisation. Une troisième façon de sélectionner des unités d'organisation est d'utiliser l'option Groupes. Les unités d'organisation peuvent être regroupées en autant de groupes d'unités d'organisation que vous voulez et ce regroupement se fait généralement en fonction d'une caractéristique, telle que le type d'établissement.</a:t>
            </a:r>
          </a:p>
          <a:p>
            <a:endParaRPr dirty="0" lang="en-US" noProof="0" sz="1200"/>
          </a:p>
          <a:p txid="3adcc8ba6b5bf6c760ae95567af45168">
            <a:r>
              <a:rPr dirty="0" lang="en-US" noProof="0" sz="1200"/>
              <a:t>Par exemple, si nous cliquons sur dispensaire, nous ne verrons que les unités d'organisation classées comme dispensaire. Pour poursuivre notre exemple, utilisons l'option Niveaux pour sélectionner tous les districts, puis cliquez sur Mettre à jour.</a:t>
            </a:r>
          </a:p>
          <a:p>
            <a:endParaRPr dirty="0" lang="en-US" noProof="0" sz="1200"/>
          </a:p>
          <a:p txid="234bea4b4ec97b8a5cb31adf4ba913c2">
            <a:r>
              <a:rPr dirty="0" lang="en-US" noProof="0" sz="1200"/>
              <a:t>Nous pouvons maintenant voir les données par district dans </a:t>
            </a:r>
            <a:r>
              <a:rPr dirty="0" err="1" lang="en-US" noProof="0" sz="1200"/>
              <a:t>Trainingland</a:t>
            </a:r>
            <a:r>
              <a:rPr dirty="0" lang="en-US" noProof="0" sz="1200"/>
              <a:t>. Après avoir sélectionné les trois principales dimensions de notre tableau croisé dynamique, quelles </a:t>
            </a:r>
            <a:r>
              <a:rPr dirty="0" err="1" lang="en-US" noProof="0" sz="1200"/>
              <a:t>désagrégations</a:t>
            </a:r>
            <a:r>
              <a:rPr dirty="0" lang="en-US" noProof="0" sz="1200"/>
              <a:t> pouvons-nous ajouter ?</a:t>
            </a:r>
          </a:p>
          <a:p>
            <a:endParaRPr dirty="0" lang="en-US" noProof="0" sz="1200"/>
          </a:p>
          <a:p txid="d7f7bbe6609df8c511c3faa16ee7320a">
            <a:r>
              <a:rPr dirty="0" lang="en-US" noProof="0" sz="1200"/>
              <a:t>À gauche de l'écran, dans la section des dimensions principales, vous trouverez toutes les </a:t>
            </a:r>
            <a:r>
              <a:rPr dirty="0" err="1" lang="en-US" noProof="0" sz="1200"/>
              <a:t>désagrégations</a:t>
            </a:r>
            <a:r>
              <a:rPr dirty="0" lang="en-US" noProof="0" sz="1200"/>
              <a:t> disponibles pour cette instance DHIS2.</a:t>
            </a:r>
          </a:p>
          <a:p>
            <a:endParaRPr dirty="0" lang="en-US" noProof="0" sz="1200"/>
          </a:p>
          <a:p txid="18a7ae17e60117736c0ef8b1bde6a05b">
            <a:r>
              <a:rPr dirty="0" lang="en-US" noProof="0" sz="1200"/>
              <a:t>Les dimensions qui ont un point vert à côté sont associées aux items de données sélectionnés dans la visualisation. Cela signifie que l'item de données sélectionné est sûr d'être compatible avec ces dimensions de données.</a:t>
            </a:r>
          </a:p>
          <a:p>
            <a:endParaRPr dirty="0" lang="en-US" noProof="0" sz="1200"/>
          </a:p>
          <a:p txid="bf343ea633f1fa52de8e5773cfd95635">
            <a:r>
              <a:rPr dirty="0" lang="en-US" noProof="0" sz="1200"/>
              <a:t>Vous apprendrez plus sur la sélection des dimensions de données, y compris les désagrégations, plus tard dans ce cours.</a:t>
            </a:r>
            <a:r>
              <a:rPr dirty="0" err="1" lang="en-US" noProof="0" sz="1200"/>
            </a:r>
            <a:r>
              <a:rPr dirty="0" lang="en-US" noProof="0" sz="1200"/>
            </a:r>
          </a:p>
        </p:txBody>
      </p:sp>
    </p:spTree>
    <p:extLst>
      <p:ext uri="{BB962C8B-B14F-4D97-AF65-F5344CB8AC3E}">
        <p14:creationId xmlns:p14="http://schemas.microsoft.com/office/powerpoint/2010/main" val="1308927762"/>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1ab4b49a91b5f64ee74f427ad308ee19">
            <a:pPr rtl="0">
              <a:spcBef>
                <a:spcPts val="0"/>
              </a:spcBef>
              <a:spcAft>
                <a:spcPts val="0"/>
              </a:spcAft>
            </a:pPr>
            <a:r>
              <a:rPr b="0" i="0" lang="en-US" strike="noStrike" sz="1200" u="none">
                <a:solidFill>
                  <a:srgbClr val="000000"/>
                </a:solidFill>
                <a:effectLst/>
                <a:latin charset="0" panose="020F0502020204030203" pitchFamily="34" typeface="Lato"/>
              </a:rPr>
              <a:t>En résumé, vous pouvez sélectionner ou modifier l'unité d'organisation d'un tableau croisé dynamique à l'aide de la hiérarchie, des groupes ou des niveaux. Vous pouvez également ajouter des désagrégations en les sélectionnant parmi les options disponibles dans l'application Visualiseur de Données.</a:t>
            </a:r>
            <a:endParaRPr b="0" lang="en-US" sz="1000">
              <a:effectLst/>
            </a:endParaRPr>
          </a:p>
        </p:txBody>
      </p:sp>
    </p:spTree>
    <p:extLst>
      <p:ext uri="{BB962C8B-B14F-4D97-AF65-F5344CB8AC3E}">
        <p14:creationId xmlns:p14="http://schemas.microsoft.com/office/powerpoint/2010/main" val="321150986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11.png" Type="http://schemas.openxmlformats.org/officeDocument/2006/relationships/image"/><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svg" Type="http://schemas.openxmlformats.org/officeDocument/2006/relationships/image"/><Relationship Id="rId5" Target="../media/image22.pn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11.xml" Type="http://schemas.openxmlformats.org/officeDocument/2006/relationships/slideLayout"/><Relationship Id="rId1" Target="../tags/tag5.xml" Type="http://schemas.openxmlformats.org/officeDocument/2006/relationships/tags"/><Relationship Id="rId5" Target="../media/image26.sv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6.xml" Type="http://schemas.openxmlformats.org/officeDocument/2006/relationships/slideLayout"/><Relationship Id="rId1" Target="../tags/tag6.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463302" y="-4344125"/>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n-U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1790700"/>
            <a:ext cx="10515600" cy="1813661"/>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ef8cd6c9b836c9aaca633ea9952510e1">
            <a:r>
              <a:rPr dirty="0" lang="en-US"/>
              <a:t>Introduction aux tableaux croisés dynamiques : Dimension des unités d'organisation et désagrégations</a:t>
            </a:r>
            <a:r>
              <a:rPr dirty="0" err="1" lang="en-US"/>
            </a:r>
            <a:r>
              <a:rPr dirty="0" lang="en-US"/>
            </a:r>
            <a:r>
              <a:rPr dirty="0" err="1" lang="en-U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38929bcd1c6cf57d2e7ada9b0d33655">
            <a:r>
              <a:rPr dirty="0" lang="en-US"/>
              <a:t>Analyse des données dans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bg>
      <p:bgPr>
        <a:blipFill dpi="0" rotWithShape="1">
          <a:blip r:embed="rId4">
            <a:lum/>
          </a:blip>
          <a:srcRect/>
          <a:stretch>
            <a:fillRect/>
          </a:stretch>
        </a:blipFill>
        <a:effectLst/>
      </p:bgPr>
    </p:bg>
    <p:spTree>
      <p:nvGrpSpPr>
        <p:cNvPr id="1" name=""/>
        <p:cNvGrpSpPr/>
        <p:nvPr/>
      </p:nvGrpSpPr>
      <p:grpSpPr>
        <a:xfrm>
          <a:off x="0" y="0"/>
          <a:ext cx="0" cy="0"/>
          <a:chOff x="0" y="0"/>
          <a:chExt cx="0" cy="0"/>
        </a:xfrm>
      </p:grpSpPr>
      <p:pic>
        <p:nvPicPr>
          <p:cNvPr id="7" name="Graphic 6">
            <a:extLst>
              <a:ext uri="{FF2B5EF4-FFF2-40B4-BE49-F238E27FC236}">
                <a16:creationId xmlns:a16="http://schemas.microsoft.com/office/drawing/2014/main" id="{0E21DCF1-94A4-4AF8-8CC2-80E154CE58B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3395325" y="1159257"/>
            <a:ext cx="2237568" cy="2237568"/>
          </a:xfrm>
          <a:prstGeom prst="rect">
            <a:avLst/>
          </a:prstGeom>
        </p:spPr>
      </p:pic>
      <p:pic>
        <p:nvPicPr>
          <p:cNvPr descr="Graphical user interface, text, application  Description automatically generated" id="12" name="Picture 11">
            <a:extLst>
              <a:ext uri="{FF2B5EF4-FFF2-40B4-BE49-F238E27FC236}">
                <a16:creationId xmlns:a16="http://schemas.microsoft.com/office/drawing/2014/main" id="{7E7ECFEE-9CB2-4B8C-9584-9548B26231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pic>
        <p:nvPicPr>
          <p:cNvPr descr="Icon  Description automatically generated with medium confidence" id="22" name="Picture 21">
            <a:extLst>
              <a:ext uri="{FF2B5EF4-FFF2-40B4-BE49-F238E27FC236}">
                <a16:creationId xmlns:a16="http://schemas.microsoft.com/office/drawing/2014/main" id="{6552D35E-930F-4636-92F6-658CF25B1A19}"/>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4486205" y="431865"/>
            <a:ext cx="1928189" cy="1928189"/>
          </a:xfrm>
          <a:prstGeom prst="rect">
            <a:avLst/>
          </a:prstGeom>
          <a:ln>
            <a:solidFill>
              <a:schemeClr val="tx1">
                <a:lumMod val="60000"/>
                <a:lumOff val="40000"/>
              </a:schemeClr>
            </a:solidFill>
          </a:ln>
        </p:spPr>
      </p:pic>
      <p:sp>
        <p:nvSpPr>
          <p:cNvPr id="4" name="Rectangle: Rounded Corners 3">
            <a:extLst>
              <a:ext uri="{FF2B5EF4-FFF2-40B4-BE49-F238E27FC236}">
                <a16:creationId xmlns:a16="http://schemas.microsoft.com/office/drawing/2014/main" id="{BDEB2C8C-BEFC-43CD-A802-B1C8EEB858B9}"/>
              </a:ext>
            </a:extLst>
          </p:cNvPr>
          <p:cNvSpPr/>
          <p:nvPr/>
        </p:nvSpPr>
        <p:spPr>
          <a:xfrm>
            <a:off x="53340" y="1291590"/>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5" name="Rectangle: Rounded Corners 4">
            <a:extLst>
              <a:ext uri="{FF2B5EF4-FFF2-40B4-BE49-F238E27FC236}">
                <a16:creationId xmlns:a16="http://schemas.microsoft.com/office/drawing/2014/main" id="{429E1D0F-F4D0-430B-BD66-739112770F4F}"/>
              </a:ext>
            </a:extLst>
          </p:cNvPr>
          <p:cNvSpPr/>
          <p:nvPr/>
        </p:nvSpPr>
        <p:spPr>
          <a:xfrm>
            <a:off x="53340" y="15081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6" name="Rectangle: Rounded Corners 5">
            <a:extLst>
              <a:ext uri="{FF2B5EF4-FFF2-40B4-BE49-F238E27FC236}">
                <a16:creationId xmlns:a16="http://schemas.microsoft.com/office/drawing/2014/main" id="{8F3995D4-3CE8-42EB-80CD-2B182BFCA034}"/>
              </a:ext>
            </a:extLst>
          </p:cNvPr>
          <p:cNvSpPr/>
          <p:nvPr/>
        </p:nvSpPr>
        <p:spPr>
          <a:xfrm>
            <a:off x="53340" y="1724042"/>
            <a:ext cx="1897380" cy="224481"/>
          </a:xfrm>
          <a:prstGeom prst="roundRect">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2" name="Right Brace 1">
            <a:extLst>
              <a:ext uri="{FF2B5EF4-FFF2-40B4-BE49-F238E27FC236}">
                <a16:creationId xmlns:a16="http://schemas.microsoft.com/office/drawing/2014/main" id="{2BCA3946-2488-44C9-8D94-01AD88E19D97}"/>
              </a:ext>
            </a:extLst>
          </p:cNvPr>
          <p:cNvSpPr/>
          <p:nvPr/>
        </p:nvSpPr>
        <p:spPr>
          <a:xfrm>
            <a:off x="1752600" y="2565400"/>
            <a:ext cx="381000" cy="4178300"/>
          </a:xfrm>
          <a:prstGeom prst="rightBrace">
            <a:avLst>
              <a:gd fmla="val 66870" name="adj1"/>
              <a:gd fmla="val 50000" name="adj2"/>
            </a:avLst>
          </a:prstGeom>
          <a:noFill/>
          <a:ln w="2794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solidFill>
                <a:schemeClr val="lt1"/>
              </a:solidFill>
            </a:endParaRPr>
          </a:p>
        </p:txBody>
      </p:sp>
      <p:sp>
        <p:nvSpPr>
          <p:cNvPr id="9" name="Rectangle: Rounded Corners 8">
            <a:extLst>
              <a:ext uri="{FF2B5EF4-FFF2-40B4-BE49-F238E27FC236}">
                <a16:creationId xmlns:a16="http://schemas.microsoft.com/office/drawing/2014/main" id="{7BE35D3E-70ED-47B6-94BD-1E169184698D}"/>
              </a:ext>
            </a:extLst>
          </p:cNvPr>
          <p:cNvSpPr/>
          <p:nvPr/>
        </p:nvSpPr>
        <p:spPr>
          <a:xfrm>
            <a:off x="3060700" y="2921000"/>
            <a:ext cx="5283200" cy="153670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
        <p:nvSpPr>
          <p:cNvPr id="10" name="TextBox 9">
            <a:extLst>
              <a:ext uri="{FF2B5EF4-FFF2-40B4-BE49-F238E27FC236}">
                <a16:creationId xmlns:a16="http://schemas.microsoft.com/office/drawing/2014/main" id="{BFC90F4B-DF19-4EAC-B003-1005BEE760B4}"/>
              </a:ext>
            </a:extLst>
          </p:cNvPr>
          <p:cNvSpPr txBox="1"/>
          <p:nvPr/>
        </p:nvSpPr>
        <p:spPr>
          <a:xfrm>
            <a:off x="3321050" y="3198167"/>
            <a:ext cx="4762500" cy="461665"/>
          </a:xfrm>
          <a:prstGeom prst="rect">
            <a:avLst/>
          </a:prstGeom>
          <a:noFill/>
        </p:spPr>
        <p:txBody>
          <a:bodyPr rtlCol="0" wrap="square">
            <a:spAutoFit/>
          </a:bodyPr>
          <a:lstStyle/>
          <a:p txid="01432b848966b16c47db313498900c7c">
            <a:pPr algn="l" indent="-342900" marL="342900">
              <a:buClr>
                <a:srgbClr val="008CCF"/>
              </a:buClr>
              <a:buFont charset="-79" pitchFamily="2" typeface="Rubik"/>
              <a:buChar char="•"/>
            </a:pPr>
            <a:r>
              <a:rPr lang="en-US" sz="2400">
                <a:solidFill>
                  <a:srgbClr val="000000"/>
                </a:solidFill>
              </a:rPr>
              <a:t>Remplacer les deux régions</a:t>
            </a:r>
            <a:endParaRPr lang="en-US" sz="2400">
              <a:latin typeface="+mj-lt"/>
            </a:endParaRPr>
          </a:p>
        </p:txBody>
      </p:sp>
      <p:sp>
        <p:nvSpPr>
          <p:cNvPr id="11" name="TextBox 10">
            <a:extLst>
              <a:ext uri="{FF2B5EF4-FFF2-40B4-BE49-F238E27FC236}">
                <a16:creationId xmlns:a16="http://schemas.microsoft.com/office/drawing/2014/main" id="{6AA20201-8F00-4241-A2A7-B47EEC7854CE}"/>
              </a:ext>
            </a:extLst>
          </p:cNvPr>
          <p:cNvSpPr txBox="1"/>
          <p:nvPr/>
        </p:nvSpPr>
        <p:spPr>
          <a:xfrm>
            <a:off x="3581400" y="3609409"/>
            <a:ext cx="4762500" cy="461665"/>
          </a:xfrm>
          <a:prstGeom prst="rect">
            <a:avLst/>
          </a:prstGeom>
          <a:noFill/>
        </p:spPr>
        <p:txBody>
          <a:bodyPr rtlCol="0" wrap="square">
            <a:spAutoFit/>
          </a:bodyPr>
          <a:lstStyle/>
          <a:p txid="47d12fef1da23452c2eec03b24bc64c0">
            <a:pPr algn="l">
              <a:buClr>
                <a:srgbClr val="008CCF"/>
              </a:buClr>
            </a:pPr>
            <a:r>
              <a:rPr lang="en-US" sz="2400">
                <a:solidFill>
                  <a:srgbClr val="000000"/>
                </a:solidFill>
              </a:rPr>
              <a:t>par tous les districts</a:t>
            </a:r>
            <a:endParaRPr lang="en-US" sz="2400">
              <a:latin typeface="+mj-lt"/>
            </a:endParaRPr>
          </a:p>
        </p:txBody>
      </p:sp>
      <p:sp>
        <p:nvSpPr>
          <p:cNvPr id="3" name="Oval 2">
            <a:extLst>
              <a:ext uri="{FF2B5EF4-FFF2-40B4-BE49-F238E27FC236}">
                <a16:creationId xmlns:a16="http://schemas.microsoft.com/office/drawing/2014/main" id="{66E950C4-7658-432C-8B75-1C5C06C48936}"/>
              </a:ext>
            </a:extLst>
          </p:cNvPr>
          <p:cNvSpPr/>
          <p:nvPr/>
        </p:nvSpPr>
        <p:spPr>
          <a:xfrm>
            <a:off x="8512935" y="4662152"/>
            <a:ext cx="759854" cy="786148"/>
          </a:xfrm>
          <a:prstGeom prst="ellipse">
            <a:avLst/>
          </a:prstGeom>
          <a:solidFill>
            <a:srgbClr val="F4F6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US"/>
          </a:p>
        </p:txBody>
      </p:sp>
    </p:spTree>
    <p:custDataLst>
      <p:tags r:id="rId1"/>
    </p:custDataLst>
    <p:extLst>
      <p:ext uri="{BB962C8B-B14F-4D97-AF65-F5344CB8AC3E}">
        <p14:creationId xmlns:p14="http://schemas.microsoft.com/office/powerpoint/2010/main" val="754368117"/>
      </p:ext>
    </p:extLst>
  </p:cSld>
  <p:clrMapOvr>
    <a:masterClrMapping/>
  </p:clrMapOvr>
  <mc:AlternateContent xmlns:mc="http://schemas.openxmlformats.org/markup-compatibility/2006" xmlns:p14="http://schemas.microsoft.com/office/powerpoint/2010/main">
    <mc:Choice Requires="p14">
      <p:transition advTm="30533" p14:dur="2000" spd="slow"/>
    </mc:Choice>
    <mc:Fallback xmlns="">
      <p:transition advTm="305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5"/>
                                        </p:tgtEl>
                                        <p:attrNameLst>
                                          <p:attrName>style.visibility</p:attrName>
                                        </p:attrNameLst>
                                      </p:cBhvr>
                                      <p:to>
                                        <p:strVal val="visible"/>
                                      </p:to>
                                    </p:set>
                                    <p:animEffect filter="fade" transition="in">
                                      <p:cBhvr>
                                        <p:cTn dur="500" id="12"/>
                                        <p:tgtEl>
                                          <p:spTgt spid="5"/>
                                        </p:tgtEl>
                                      </p:cBhvr>
                                    </p:animEffect>
                                  </p:childTnLst>
                                </p:cTn>
                              </p:par>
                            </p:childTnLst>
                          </p:cTn>
                        </p:par>
                      </p:childTnLst>
                    </p:cTn>
                  </p:par>
                  <p:par>
                    <p:cTn fill="hold" id="13">
                      <p:stCondLst>
                        <p:cond delay="indefinite"/>
                      </p:stCondLst>
                      <p:childTnLst>
                        <p:par>
                          <p:cTn fill="hold" id="14">
                            <p:stCondLst>
                              <p:cond delay="0"/>
                            </p:stCondLst>
                            <p:childTnLst>
                              <p:par>
                                <p:cTn fill="hold" grpId="1" id="15" nodeType="clickEffect" presetClass="exit" presetID="10" presetSubtype="0">
                                  <p:stCondLst>
                                    <p:cond delay="0"/>
                                  </p:stCondLst>
                                  <p:childTnLst>
                                    <p:animEffect filter="fade" transition="out">
                                      <p:cBhvr>
                                        <p:cTn dur="500" id="16"/>
                                        <p:tgtEl>
                                          <p:spTgt spid="4"/>
                                        </p:tgtEl>
                                      </p:cBhvr>
                                    </p:animEffect>
                                    <p:set>
                                      <p:cBhvr>
                                        <p:cTn dur="1" fill="hold" id="17">
                                          <p:stCondLst>
                                            <p:cond delay="499"/>
                                          </p:stCondLst>
                                        </p:cTn>
                                        <p:tgtEl>
                                          <p:spTgt spid="4"/>
                                        </p:tgtEl>
                                        <p:attrNameLst>
                                          <p:attrName>style.visibility</p:attrName>
                                        </p:attrNameLst>
                                      </p:cBhvr>
                                      <p:to>
                                        <p:strVal val="hidden"/>
                                      </p:to>
                                    </p:set>
                                  </p:childTnLst>
                                </p:cTn>
                              </p:par>
                              <p:par>
                                <p:cTn fill="hold" grpId="1" id="18" nodeType="withEffect" presetClass="exit" presetID="10" presetSubtype="0">
                                  <p:stCondLst>
                                    <p:cond delay="0"/>
                                  </p:stCondLst>
                                  <p:childTnLst>
                                    <p:animEffect filter="fade" transition="out">
                                      <p:cBhvr>
                                        <p:cTn dur="500" id="19"/>
                                        <p:tgtEl>
                                          <p:spTgt spid="5"/>
                                        </p:tgtEl>
                                      </p:cBhvr>
                                    </p:animEffect>
                                    <p:set>
                                      <p:cBhvr>
                                        <p:cTn dur="1" fill="hold" id="20">
                                          <p:stCondLst>
                                            <p:cond delay="499"/>
                                          </p:stCondLst>
                                        </p:cTn>
                                        <p:tgtEl>
                                          <p:spTgt spid="5"/>
                                        </p:tgtEl>
                                        <p:attrNameLst>
                                          <p:attrName>style.visibility</p:attrName>
                                        </p:attrNameLst>
                                      </p:cBhvr>
                                      <p:to>
                                        <p:strVal val="hidden"/>
                                      </p:to>
                                    </p:set>
                                  </p:childTnLst>
                                </p:cTn>
                              </p:par>
                              <p:par>
                                <p:cTn fill="hold" grpId="0" id="21" nodeType="withEffect" presetClass="entr" presetID="10" presetSubtype="0">
                                  <p:stCondLst>
                                    <p:cond delay="0"/>
                                  </p:stCondLst>
                                  <p:childTnLst>
                                    <p:set>
                                      <p:cBhvr>
                                        <p:cTn dur="1" fill="hold" id="22">
                                          <p:stCondLst>
                                            <p:cond delay="0"/>
                                          </p:stCondLst>
                                        </p:cTn>
                                        <p:tgtEl>
                                          <p:spTgt spid="6"/>
                                        </p:tgtEl>
                                        <p:attrNameLst>
                                          <p:attrName>style.visibility</p:attrName>
                                        </p:attrNameLst>
                                      </p:cBhvr>
                                      <p:to>
                                        <p:strVal val="visible"/>
                                      </p:to>
                                    </p:set>
                                    <p:animEffect filter="fade" transition="in">
                                      <p:cBhvr>
                                        <p:cTn dur="500" id="23"/>
                                        <p:tgtEl>
                                          <p:spTgt spid="6"/>
                                        </p:tgtEl>
                                      </p:cBhvr>
                                    </p:animEffect>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22" presetSubtype="8">
                                  <p:stCondLst>
                                    <p:cond delay="0"/>
                                  </p:stCondLst>
                                  <p:childTnLst>
                                    <p:set>
                                      <p:cBhvr>
                                        <p:cTn dur="1" fill="hold" id="27">
                                          <p:stCondLst>
                                            <p:cond delay="0"/>
                                          </p:stCondLst>
                                        </p:cTn>
                                        <p:tgtEl>
                                          <p:spTgt spid="2"/>
                                        </p:tgtEl>
                                        <p:attrNameLst>
                                          <p:attrName>style.visibility</p:attrName>
                                        </p:attrNameLst>
                                      </p:cBhvr>
                                      <p:to>
                                        <p:strVal val="visible"/>
                                      </p:to>
                                    </p:set>
                                    <p:animEffect filter="wipe(left)" transition="in">
                                      <p:cBhvr>
                                        <p:cTn dur="500" id="28"/>
                                        <p:tgtEl>
                                          <p:spTgt spid="2"/>
                                        </p:tgtEl>
                                      </p:cBhvr>
                                    </p:animEffect>
                                  </p:childTnLst>
                                </p:cTn>
                              </p:par>
                            </p:childTnLst>
                          </p:cTn>
                        </p:par>
                      </p:childTnLst>
                    </p:cTn>
                  </p:par>
                  <p:par>
                    <p:cTn fill="hold" id="29">
                      <p:stCondLst>
                        <p:cond delay="indefinite"/>
                      </p:stCondLst>
                      <p:childTnLst>
                        <p:par>
                          <p:cTn fill="hold" id="30">
                            <p:stCondLst>
                              <p:cond delay="0"/>
                            </p:stCondLst>
                            <p:childTnLst>
                              <p:par>
                                <p:cTn fill="hold" grpId="1" id="31" nodeType="clickEffect" presetClass="exit" presetID="22" presetSubtype="2">
                                  <p:stCondLst>
                                    <p:cond delay="0"/>
                                  </p:stCondLst>
                                  <p:childTnLst>
                                    <p:animEffect filter="wipe(right)" transition="out">
                                      <p:cBhvr>
                                        <p:cTn dur="500" id="32"/>
                                        <p:tgtEl>
                                          <p:spTgt spid="2"/>
                                        </p:tgtEl>
                                      </p:cBhvr>
                                    </p:animEffect>
                                    <p:set>
                                      <p:cBhvr>
                                        <p:cTn dur="1" fill="hold" id="33">
                                          <p:stCondLst>
                                            <p:cond delay="499"/>
                                          </p:stCondLst>
                                        </p:cTn>
                                        <p:tgtEl>
                                          <p:spTgt spid="2"/>
                                        </p:tgtEl>
                                        <p:attrNameLst>
                                          <p:attrName>style.visibility</p:attrName>
                                        </p:attrNameLst>
                                      </p:cBhvr>
                                      <p:to>
                                        <p:strVal val="hidden"/>
                                      </p:to>
                                    </p:se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10"/>
                                        </p:tgtEl>
                                        <p:attrNameLst>
                                          <p:attrName>style.visibility</p:attrName>
                                        </p:attrNameLst>
                                      </p:cBhvr>
                                      <p:to>
                                        <p:strVal val="visible"/>
                                      </p:to>
                                    </p:set>
                                    <p:animEffect filter="fade" transition="in">
                                      <p:cBhvr>
                                        <p:cTn dur="500" id="38"/>
                                        <p:tgtEl>
                                          <p:spTgt spid="10"/>
                                        </p:tgtEl>
                                      </p:cBhvr>
                                    </p:animEffect>
                                  </p:childTnLst>
                                </p:cTn>
                              </p:par>
                              <p:par>
                                <p:cTn fill="hold" grpId="0" id="39" nodeType="with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11"/>
                                        </p:tgtEl>
                                        <p:attrNameLst>
                                          <p:attrName>style.visibility</p:attrName>
                                        </p:attrNameLst>
                                      </p:cBhvr>
                                      <p:to>
                                        <p:strVal val="visible"/>
                                      </p:to>
                                    </p:set>
                                    <p:animEffect filter="fade" transition="in">
                                      <p:cBhvr>
                                        <p:cTn dur="500" id="46"/>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1" spid="4"/>
      <p:bldP animBg="1" grpId="0" spid="5"/>
      <p:bldP animBg="1" grpId="1" spid="5"/>
      <p:bldP animBg="1" grpId="0" spid="6"/>
      <p:bldP animBg="1" grpId="0" spid="2"/>
      <p:bldP animBg="1" grpId="1" spid="2"/>
      <p:bldP animBg="1" grpId="0" spid="9"/>
      <p:bldP grpId="0" spid="10"/>
      <p:bldP grpId="0" spid="1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B392EBA4-6847-8B45-0BFB-33AD418680E6}"/>
              </a:ext>
            </a:extLst>
          </p:cNvPr>
          <p:cNvSpPr txBox="1"/>
          <p:nvPr/>
        </p:nvSpPr>
        <p:spPr>
          <a:xfrm>
            <a:off x="5018314" y="3198167"/>
            <a:ext cx="1600118" cy="461665"/>
          </a:xfrm>
          <a:prstGeom prst="rect">
            <a:avLst/>
          </a:prstGeom>
          <a:noFill/>
        </p:spPr>
        <p:txBody>
          <a:bodyPr rtlCol="0" wrap="none">
            <a:spAutoFit/>
          </a:bodyPr>
          <a:lstStyle/>
          <a:p txid="4a282aa49003d2729da5eebadc19722d">
            <a:pPr algn="l" indent="-342900" marL="342900">
              <a:buClr>
                <a:srgbClr val="008CCF"/>
              </a:buClr>
              <a:buFont charset="-79" pitchFamily="2" typeface="Rubik"/>
              <a:buChar char="•"/>
            </a:pPr>
            <a:r>
              <a:rPr dirty="0" lang="en-US" sz="2400"/>
              <a:t>Démo 1</a:t>
            </a:r>
          </a:p>
        </p:txBody>
      </p:sp>
    </p:spTree>
    <p:custDataLst>
      <p:tags r:id="rId1"/>
    </p:custDataLst>
    <p:extLst>
      <p:ext uri="{BB962C8B-B14F-4D97-AF65-F5344CB8AC3E}">
        <p14:creationId xmlns:p14="http://schemas.microsoft.com/office/powerpoint/2010/main" val="64812627"/>
      </p:ext>
    </p:extLst>
  </p:cSld>
  <p:clrMapOvr>
    <a:masterClrMapping/>
  </p:clrMapOvr>
  <mc:AlternateContent xmlns:mc="http://schemas.openxmlformats.org/markup-compatibility/2006" xmlns:p14="http://schemas.microsoft.com/office/powerpoint/2010/main">
    <mc:Choice Requires="p14">
      <p:transition advTm="173000" p14:dur="250"/>
    </mc:Choice>
    <mc:Fallback xmlns="">
      <p:transition advTm="173000"/>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dirty="0" lang="en-US"/>
              <a:t>Résumé</a:t>
            </a:r>
          </a:p>
        </p:txBody>
      </p:sp>
      <p:sp>
        <p:nvSpPr>
          <p:cNvPr id="3" name="TextBox 2">
            <a:extLst>
              <a:ext uri="{FF2B5EF4-FFF2-40B4-BE49-F238E27FC236}">
                <a16:creationId xmlns:a16="http://schemas.microsoft.com/office/drawing/2014/main" id="{3187C847-2B1A-4B9A-8724-66BDBC209A13}"/>
              </a:ext>
            </a:extLst>
          </p:cNvPr>
          <p:cNvSpPr txBox="1"/>
          <p:nvPr/>
        </p:nvSpPr>
        <p:spPr>
          <a:xfrm>
            <a:off x="1494138" y="3459115"/>
            <a:ext cx="4271662" cy="2308324"/>
          </a:xfrm>
          <a:prstGeom prst="rect">
            <a:avLst/>
          </a:prstGeom>
          <a:noFill/>
        </p:spPr>
        <p:txBody>
          <a:bodyPr rtlCol="0" wrap="square">
            <a:spAutoFit/>
          </a:bodyPr>
          <a:lstStyle/>
          <a:p txid="eb28ff11c1350b3ee94eecf4e15d24c6">
            <a:pPr algn="l" indent="-342900" marL="342900">
              <a:buClr>
                <a:srgbClr val="008CCF"/>
              </a:buClr>
              <a:buFont charset="-79" pitchFamily="2" typeface="Rubik"/>
              <a:buChar char="•"/>
            </a:pPr>
            <a:r>
              <a:rPr dirty="0" lang="en-US" sz="2400"/>
              <a:t>Sélection/Modification de l'unité d'organisation :</a:t>
            </a:r>
            <a:r>
              <a:rPr dirty="0" err="1" lang="en-US" sz="2400"/>
            </a:r>
            <a:r>
              <a:rPr dirty="0" lang="en-US" sz="2400"/>
            </a:r>
          </a:p>
          <a:p txid="bbb84cdf71a8131057e5d7d7b19dad30">
            <a:pPr indent="-342900" lvl="1" marL="800100">
              <a:buClr>
                <a:srgbClr val="008CCF"/>
              </a:buClr>
              <a:buFont charset="-79" pitchFamily="2" typeface="Rubik"/>
              <a:buChar char="•"/>
            </a:pPr>
            <a:r>
              <a:rPr dirty="0" lang="en-US" sz="2400"/>
              <a:t>Hiérarchie</a:t>
            </a:r>
          </a:p>
          <a:p txid="8783bc7ae2b9e8d93a2bc15150aaefa8">
            <a:pPr indent="-342900" lvl="1" marL="800100">
              <a:buClr>
                <a:srgbClr val="008CCF"/>
              </a:buClr>
              <a:buFont charset="-79" pitchFamily="2" typeface="Rubik"/>
              <a:buChar char="•"/>
            </a:pPr>
            <a:r>
              <a:rPr dirty="0" lang="en-US" sz="2400"/>
              <a:t>Groupes</a:t>
            </a:r>
          </a:p>
          <a:p txid="f12d7f7075b101495aa79971c02b5e1e">
            <a:pPr indent="-342900" lvl="1" marL="800100">
              <a:buClr>
                <a:srgbClr val="008CCF"/>
              </a:buClr>
              <a:buFont charset="-79" pitchFamily="2" typeface="Rubik"/>
              <a:buChar char="•"/>
            </a:pPr>
            <a:r>
              <a:rPr dirty="0" lang="en-US" sz="2400"/>
              <a:t>Niveaux</a:t>
            </a:r>
          </a:p>
          <a:p>
            <a:pPr algn="l" indent="-342900" marL="342900">
              <a:buClr>
                <a:srgbClr val="008CCF"/>
              </a:buClr>
              <a:buFont charset="-79" pitchFamily="2" typeface="Rubik"/>
              <a:buChar char="•"/>
            </a:pPr>
            <a:endParaRPr dirty="0" lang="en-US" sz="2400"/>
          </a:p>
        </p:txBody>
      </p:sp>
      <p:pic>
        <p:nvPicPr>
          <p:cNvPr id="23" name="Graphic 22">
            <a:extLst>
              <a:ext uri="{FF2B5EF4-FFF2-40B4-BE49-F238E27FC236}">
                <a16:creationId xmlns:a16="http://schemas.microsoft.com/office/drawing/2014/main" id="{77718FFB-B081-4C9A-8880-F9C49A4D4BFE}"/>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02951" y="1412789"/>
            <a:ext cx="1986097" cy="1986097"/>
          </a:xfrm>
          <a:prstGeom prst="rect">
            <a:avLst/>
          </a:prstGeom>
        </p:spPr>
      </p:pic>
      <p:sp>
        <p:nvSpPr>
          <p:cNvPr id="24" name="Rectangle: Rounded Corners 23">
            <a:extLst>
              <a:ext uri="{FF2B5EF4-FFF2-40B4-BE49-F238E27FC236}">
                <a16:creationId xmlns:a16="http://schemas.microsoft.com/office/drawing/2014/main" id="{B44DE233-2991-439A-8E21-5E5BEFEFB471}"/>
              </a:ext>
            </a:extLst>
          </p:cNvPr>
          <p:cNvSpPr/>
          <p:nvPr/>
        </p:nvSpPr>
        <p:spPr>
          <a:xfrm>
            <a:off x="4861560" y="1310397"/>
            <a:ext cx="2468880" cy="45720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10aee884df4591f02815a05c35730d37">
            <a:pPr algn="ctr"/>
            <a:r>
              <a:rPr dirty="0" lang="en-US" sz="2200"/>
              <a:t>Tableaux croisés dynamiques</a:t>
            </a:r>
          </a:p>
        </p:txBody>
      </p:sp>
      <p:sp>
        <p:nvSpPr>
          <p:cNvPr id="26" name="TextBox 25">
            <a:extLst>
              <a:ext uri="{FF2B5EF4-FFF2-40B4-BE49-F238E27FC236}">
                <a16:creationId xmlns:a16="http://schemas.microsoft.com/office/drawing/2014/main" id="{B29C8392-BD30-4B04-9AC6-ACC9D3C3C9EF}"/>
              </a:ext>
            </a:extLst>
          </p:cNvPr>
          <p:cNvSpPr txBox="1"/>
          <p:nvPr/>
        </p:nvSpPr>
        <p:spPr>
          <a:xfrm>
            <a:off x="6310184" y="3459115"/>
            <a:ext cx="3786316" cy="830997"/>
          </a:xfrm>
          <a:prstGeom prst="rect">
            <a:avLst/>
          </a:prstGeom>
          <a:noFill/>
        </p:spPr>
        <p:txBody>
          <a:bodyPr rtlCol="0" wrap="square">
            <a:spAutoFit/>
          </a:bodyPr>
          <a:lstStyle/>
          <a:p txid="06dfa5e79b55eb1365048add26052d33">
            <a:pPr algn="l" indent="-342900" marL="342900">
              <a:buClr>
                <a:srgbClr val="008CCF"/>
              </a:buClr>
              <a:buFont charset="-79" pitchFamily="2" typeface="Rubik"/>
              <a:buChar char="•"/>
            </a:pPr>
            <a:r>
              <a:rPr dirty="0" lang="en-US" sz="2400"/>
              <a:t>Ajout de désagrégations</a:t>
            </a:r>
            <a:r>
              <a:rPr dirty="0" err="1" lang="en-US" sz="2400"/>
            </a:r>
            <a:endParaRPr dirty="0" lang="en-US" sz="2400"/>
          </a:p>
          <a:p>
            <a:pPr algn="l" indent="-342900" marL="342900">
              <a:buClr>
                <a:srgbClr val="008CCF"/>
              </a:buClr>
              <a:buFont charset="-79" pitchFamily="2" typeface="Rubik"/>
              <a:buChar char="•"/>
            </a:pPr>
            <a:endParaRPr dirty="0" lang="en-U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19940" p14:dur="2000" spd="slow"/>
    </mc:Choice>
    <mc:Fallback xmlns="">
      <p:transition advTm="1994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id="8" nodeType="withEffect" presetClass="entr" presetID="10" presetSubtype="0">
                                  <p:stCondLst>
                                    <p:cond delay="0"/>
                                  </p:stCondLst>
                                  <p:childTnLst>
                                    <p:set>
                                      <p:cBhvr>
                                        <p:cTn dur="1" fill="hold" id="9">
                                          <p:stCondLst>
                                            <p:cond delay="0"/>
                                          </p:stCondLst>
                                        </p:cTn>
                                        <p:tgtEl>
                                          <p:spTgt spid="23"/>
                                        </p:tgtEl>
                                        <p:attrNameLst>
                                          <p:attrName>style.visibility</p:attrName>
                                        </p:attrNameLst>
                                      </p:cBhvr>
                                      <p:to>
                                        <p:strVal val="visible"/>
                                      </p:to>
                                    </p:set>
                                    <p:animEffect filter="fade" transition="in">
                                      <p:cBhvr>
                                        <p:cTn dur="500" id="10"/>
                                        <p:tgtEl>
                                          <p:spTgt spid="23"/>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3">
                                            <p:txEl>
                                              <p:pRg end="0" st="0"/>
                                            </p:txEl>
                                          </p:spTgt>
                                        </p:tgtEl>
                                        <p:attrNameLst>
                                          <p:attrName>style.visibility</p:attrName>
                                        </p:attrNameLst>
                                      </p:cBhvr>
                                      <p:to>
                                        <p:strVal val="visible"/>
                                      </p:to>
                                    </p:set>
                                    <p:animEffect filter="fade" transition="in">
                                      <p:cBhvr>
                                        <p:cTn dur="500" id="15"/>
                                        <p:tgtEl>
                                          <p:spTgt spid="3">
                                            <p:txEl>
                                              <p:pRg end="0" st="0"/>
                                            </p:txEl>
                                          </p:spTgt>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3">
                                            <p:txEl>
                                              <p:pRg end="1" st="1"/>
                                            </p:txEl>
                                          </p:spTgt>
                                        </p:tgtEl>
                                        <p:attrNameLst>
                                          <p:attrName>style.visibility</p:attrName>
                                        </p:attrNameLst>
                                      </p:cBhvr>
                                      <p:to>
                                        <p:strVal val="visible"/>
                                      </p:to>
                                    </p:set>
                                    <p:animEffect filter="fade" transition="in">
                                      <p:cBhvr>
                                        <p:cTn dur="500" id="20"/>
                                        <p:tgtEl>
                                          <p:spTgt spid="3">
                                            <p:txEl>
                                              <p:pRg end="1" st="1"/>
                                            </p:txEl>
                                          </p:spTgt>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3">
                                            <p:txEl>
                                              <p:pRg end="2" st="2"/>
                                            </p:txEl>
                                          </p:spTgt>
                                        </p:tgtEl>
                                        <p:attrNameLst>
                                          <p:attrName>style.visibility</p:attrName>
                                        </p:attrNameLst>
                                      </p:cBhvr>
                                      <p:to>
                                        <p:strVal val="visible"/>
                                      </p:to>
                                    </p:set>
                                    <p:animEffect filter="fade" transition="in">
                                      <p:cBhvr>
                                        <p:cTn dur="500" id="25"/>
                                        <p:tgtEl>
                                          <p:spTgt spid="3">
                                            <p:txEl>
                                              <p:pRg end="2" st="2"/>
                                            </p:txEl>
                                          </p:spTgt>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
                                            <p:txEl>
                                              <p:pRg end="3" st="3"/>
                                            </p:txEl>
                                          </p:spTgt>
                                        </p:tgtEl>
                                        <p:attrNameLst>
                                          <p:attrName>style.visibility</p:attrName>
                                        </p:attrNameLst>
                                      </p:cBhvr>
                                      <p:to>
                                        <p:strVal val="visible"/>
                                      </p:to>
                                    </p:set>
                                    <p:animEffect filter="fade" transition="in">
                                      <p:cBhvr>
                                        <p:cTn dur="500" id="30"/>
                                        <p:tgtEl>
                                          <p:spTgt spid="3">
                                            <p:txEl>
                                              <p:pRg end="3" st="3"/>
                                            </p:txEl>
                                          </p:spTgt>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10" presetSubtype="0">
                                  <p:stCondLst>
                                    <p:cond delay="0"/>
                                  </p:stCondLst>
                                  <p:childTnLst>
                                    <p:set>
                                      <p:cBhvr>
                                        <p:cTn dur="1" fill="hold" id="34">
                                          <p:stCondLst>
                                            <p:cond delay="0"/>
                                          </p:stCondLst>
                                        </p:cTn>
                                        <p:tgtEl>
                                          <p:spTgt spid="26"/>
                                        </p:tgtEl>
                                        <p:attrNameLst>
                                          <p:attrName>style.visibility</p:attrName>
                                        </p:attrNameLst>
                                      </p:cBhvr>
                                      <p:to>
                                        <p:strVal val="visible"/>
                                      </p:to>
                                    </p:set>
                                    <p:animEffect filter="fade" transition="in">
                                      <p:cBhvr>
                                        <p:cTn dur="500" id="35"/>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P animBg="1" grpId="0" spid="24"/>
      <p:bldP grpId="0" spid="26"/>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5380" p14:dur="896" spd="slow">
        <p:strips/>
      </p:transition>
    </mc:Choice>
    <mc:Fallback xmlns="">
      <p:transition advClick="0" advTm="1538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3EE4BDD9-12C3-4D62-A7F8-F7ABBE3C1830}"/>
  <p:tag name="ISPRING_SCREEN_RECS_UPDATED" val="C:\Users\alita\Documents\0. Clientes LOCAL\DHIS2\Fundamentals\2.0\Data Analysis\Production\2. Pivot tables\2.1.2 PART 1 Orientation to Pivot Tables_2\"/>
  <p:tag name="ISPRING_RESOURCE_FOLDER" val="C:\Users\alita\Documents\0. Clientes LOCAL\DHIS2\Fundamentals\2.0\Data Analysis\Production\2. Pivot tables\2.1.2 PART 1 Orientation to Pivot Tables_2\"/>
  <p:tag name="ISPRING_RESOURCE_FOLDER_STATIC" val="C:\Users\alita\Documents\0. Clientes LOCAL\DHIS2\Fundamentals\2.0\Data Analysis\Production\2. Pivot tables\2.1.2 PART 1 Orientation to Pivot Tables_2\"/>
  <p:tag name="ISPRING_PRESENTATION_PATH" val="C:\Users\alita\Documents\0. Clientes LOCAL\DHIS2\Fundamentals\2.0\Data Analysis\Production\2. Pivot tables\2.1.2 PART 1 Orientation to Pivot Tables.pptx"/>
  <p:tag name="FLASHSPRING_ZOOM_TAG" val="66"/>
  <p:tag name="ISPRING_PRESENTATION_INFO_2" val="&lt;?xml version=&quot;1.0&quot; encoding=&quot;UTF-8&quot; standalone=&quot;no&quot; ?&gt;&#10;&lt;presentation2&gt;&#10;&#10;  &lt;slides&gt;&#10;    &lt;slide id=&quot;{1D1867D1-B71A-4495-A2DB-4FECB03BA821}&quot; pptId=&quot;299&quot;/&gt;&#10;    &lt;slide id=&quot;{0684E899-0EEB-468B-B185-9539B044614A}&quot; pptId=&quot;275&quot;/&gt;&#10;    &lt;slide id=&quot;{5C976170-4EEC-4C44-9470-B8A388411B23}&quot; pptId=&quot;307&quot;/&gt;&#10;    &lt;slide id=&quot;{20851488-48D0-4D42-99F4-4A555D6B647F}&quot; pptId=&quot;302&quot;/&gt;&#10;    &lt;slide id=&quot;{6699FFA3-6C25-412C-9A3B-148D82D146D5}&quot; pptId=&quot;272&quot;/&gt;&#10;  &lt;/slides&gt;&#10;&#10;  &lt;narration&gt;&#10;    &lt;audioTracks&gt;&#10;      &lt;audioTrack muted=&quot;false&quot; name=&quot;intro&quot; resource=&quot;b1acd02c&quot; slideId=&quot;{1D1867D1-B71A-4495-A2DB-4FECB03BA821}&quot; startTime=&quot;0&quot; stepIndex=&quot;0&quot; volume=&quot;1&quot;&gt;&#10;        &lt;audio channels=&quot;2&quot; format=&quot;fltp&quot; sampleRate=&quot;44100&quot;/&gt;&#10;      &lt;/audioTrack&gt;&#10;      &lt;audioTrack muted=&quot;false&quot; name=&quot;Text-to-speech clip — Audio  1&quot; resource=&quot;bb7ef20b&quot; slideId=&quot;{0684E899-0EEB-468B-B185-9539B044614A}&quot; startTime=&quot;0&quot; stepIndex=&quot;0&quot; volume=&quot;1&quot;&gt;&#10;        &lt;audio channels=&quot;2&quot; format=&quot;s16&quot; sampleRate=&quot;44100&quot;/&gt;&#10;      &lt;/audioTrack&gt;&#10;      &lt;audioTrack muted=&quot;false&quot; name=&quot;Text-to-speech clip — Audio  2&quot; resource=&quot;df6c866c&quot; slideId=&quot;{20851488-48D0-4D42-99F4-4A555D6B647F}&quot; startTime=&quot;0&quot; stepIndex=&quot;0&quot; volume=&quot;1&quot;&gt;&#10;        &lt;audio channels=&quot;2&quot; format=&quot;s16&quot; sampleRate=&quot;44100&quot;/&gt;&#10;      &lt;/audioTrack&gt;&#10;      &lt;audioTrack muted=&quot;false&quot; name=&quot;outro&quot; resource=&quot;1f6f5ce2&quot; slideId=&quot;{6699FFA3-6C25-412C-9A3B-148D82D146D5}&quot; startTime=&quot;0&quot; stepIndex=&quot;0&quot; volume=&quot;1&quot;&gt;&#10;        &lt;audio channels=&quot;2&quot; format=&quot;fltp&quot; sampleRate=&quot;44100&quot;/&gt;&#10;      &lt;/audioTrack&gt;&#10;    &lt;/audioTracks&gt;&#10;    &lt;videoTracks/&gt;&#10;  &lt;/narration&gt;&#10;&#10;&lt;/presentation2&gt;&#10;"/>
  <p:tag name="ISPRING_ULTRA_SCORM_COURCE_TITLE" val="2.1.2 Pivot Tables - OrgUnit and disaggregations"/>
  <p:tag name="ISPRING_PRESENTATION_TITLE" val="2.1.2 Pivot Tables - OrgUnit and disaggregations"/>
  <p:tag name="ISPRING_PLAYERS_CUSTOMIZATION_2" val="UEsDBBQAAgAIADio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io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io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4qG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io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4qGhUjnP2+moAAADlAAAAHAAAAG5vbmUvaHRtbF9za2luX3NldHRpbmdzLmpzb26r5lIAAqUcJQUrhWowG8xPKi0pyc/TS87PK0nNK9HLyy/KTQSrUVJ2AwMlHZyK88tSiwgoTUtMTkUx1NTIwskFp0qEiSZO5i7OlsjqChLTU/WSEpOz04vyS/NSIMqcXV0MXYyVwKpquWoBUEsDBBQAAgAIADioaFS8fTX3SgAAAEkAAAAXAAAAbm9uZS9sb2NhbF9zZXR0aW5ncy54bWyzsa/IzVEoSy0qzszPs1Uy1DNQUkjNS85PycxLt1UKDXHTtVBSKC5JzEtJzMnPS7VVystXUrC347LJyU9OzAlOLSkBKizWt+MCAFBLAwQUAAIACABqd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zUnl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NSe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1J5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NSeVSvO5WKiA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6ho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A7qG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Duoa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6ho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6ho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Data Analysis in DHIS2/2.1.2 Pivot tables - Layout - File - Download&quot;,&quot;onlineDestinationFolderId&quot;:&quot;147c29ba-43be-11ec-bcfd-1e4fa7f0f464&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DataAnalysis\\iSpring\\2.1.2 Pivot Tables - OrgUnit and disaggregations&quot;],[&quot;\uFFFD\u007F\uFFFD\uFFFD{6BE92DC9-446C-4AE2-8C04-F8B8C6EF443B}&quot;,&quot;C:\\Users\\alita\\Documents\\0. Clientes LOCAL\\DHIS2\\Fundamentals\\2.0\\Data Analysis\\Production&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D1867D1-B71A-4495-A2DB-4FECB03BA821}"/>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ISPRING_SLIDE_ID_2" val="{0684E899-0EEB-468B-B185-9539B044614A}"/>
  <p:tag name="GENSWF_ADVANCE_TIME" val="30.533"/>
  <p:tag name="TIMING" val="|2.583|1.274|4.495|2.547|2.657|7.141|5.566"/>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9D22F4C-F8AB-4167-8330-BBA83F9BBB24}:307"/>
  <p:tag name="GENSWF_ADVANCE_TIME" val="173.000"/>
  <p:tag name="ISPRING_SLIDE_ID_2" val="{5C976170-4EEC-4C44-9470-B8A388411B23}"/>
  <p:tag name="TIMING" val="|0.001"/>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20851488-48D0-4D42-99F4-4A555D6B647F}"/>
  <p:tag name="GENSWF_ADVANCE_TIME" val="19.940"/>
  <p:tag name="TIMING" val="|0.725|1.256|4.699|1.816|1.656|2.68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ISPRING_SLIDE_ID_2" val="{6699FFA3-6C25-412C-9A3B-148D82D146D5}"/>
  <p:tag name="GENSWF_ADVANCE_TIME" val="15.380"/>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5632</TotalTime>
  <Words>603</Words>
  <Application>Microsoft Macintosh PowerPoint</Application>
  <PresentationFormat>Widescreen</PresentationFormat>
  <Paragraphs>37</Paragraphs>
  <Slides>5</Slides>
  <Notes>5</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5</vt:i4>
      </vt:variant>
    </vt:vector>
  </HeadingPairs>
  <TitlesOfParts>
    <vt:vector size="11" baseType="lpstr">
      <vt:lpstr>Arial</vt:lpstr>
      <vt:lpstr>Calibri</vt:lpstr>
      <vt:lpstr>Lato</vt:lpstr>
      <vt:lpstr>Rubik</vt:lpstr>
      <vt:lpstr>Rubik Medium</vt:lpstr>
      <vt:lpstr>DHIS2 Online Academy</vt:lpstr>
      <vt:lpstr>PowerPoint Presentation</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1.2 Pivot Tables - OrgUnit and disaggregations</dc:title>
  <dc:subject>elearning</dc:subject>
  <dc:creator>Alejandra Avila</dc:creator>
  <cp:lastModifiedBy>Simona Sekerova</cp:lastModifiedBy>
  <cp:revision>375</cp:revision>
  <cp:lastPrinted>2021-06-09T13:32:46Z</cp:lastPrinted>
  <dcterms:created xsi:type="dcterms:W3CDTF">2021-02-03T12:41:27Z</dcterms:created>
  <dcterms:modified xsi:type="dcterms:W3CDTF">2023-09-19T06:13:52Z</dcterms:modified>
</cp:coreProperties>
</file>